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0-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0-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estervel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logo, Lettertype, tekst, Graphics&#10;&#10;Automatisch gegenereerde beschrijving">
            <a:extLst>
              <a:ext uri="{FF2B5EF4-FFF2-40B4-BE49-F238E27FC236}">
                <a16:creationId xmlns:a16="http://schemas.microsoft.com/office/drawing/2014/main" id="{9FDC9274-0939-EC97-0C13-1267224BABE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4927" y="4797769"/>
            <a:ext cx="2141097" cy="187131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logo, Lettertype, tekst, Graphics&#10;&#10;Automatisch gegenereerde beschrijving">
            <a:extLst>
              <a:ext uri="{FF2B5EF4-FFF2-40B4-BE49-F238E27FC236}">
                <a16:creationId xmlns:a16="http://schemas.microsoft.com/office/drawing/2014/main" id="{F8D0E28C-1673-D770-BB03-38A07C26BD7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9" y="4078887"/>
            <a:ext cx="1446371" cy="126412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20T09:40:19Z</dcterms:modified>
</cp:coreProperties>
</file>